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6FB"/>
    <a:srgbClr val="00F683"/>
    <a:srgbClr val="4D2FE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>
        <p:scale>
          <a:sx n="75" d="100"/>
          <a:sy n="75" d="100"/>
        </p:scale>
        <p:origin x="653" y="42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F4D21F-1AB0-3F70-54B4-B22A98D984C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0D1B984-38CE-F011-EF59-3D131023A7F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C6FD11-D4D7-546A-BA03-64391A8987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C020D75-9D45-9A2A-3538-28288A18B3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C86F281-5EFF-5BC6-1AAD-5B8DAC3F88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394974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93E494-57AE-1A8D-B96A-C18F48E38F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2F0610C-3EF6-E366-9E97-9DE9CB32AB0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BE6178-54D0-12C5-09D1-E56DDBCB74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4418DC8-81D7-5185-F349-EC09A23815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72FFE08-1DFB-C6DC-DDD6-37F7D68FAE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997190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9E2AFD-C709-FD61-B693-98316E1CFB7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619FDE2-3AD0-E563-6D0D-5AE5B77082D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5F67EC-2CBF-D9EC-F701-87385F3B29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15947EB-5D33-4900-5FC5-68C46F9858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E85860B-41C2-3459-0B92-D78282D6FF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50340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F311C5-B998-5C2F-F4FF-9BD9AEA743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671099-7C59-2276-828D-84185337AD2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2B623C9-6E7F-6295-BFC8-78BF4725DF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3144D7-809A-9D4A-EDDB-81DA65290D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734D019-E391-B6A7-0D1F-3FFA86EC3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7052914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F66D05-4D25-BEDC-6CEE-CB84DA9CC1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8B6D0CD-68F2-C7FB-F8C2-C0562887FB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22D69B-5687-EBB4-ECD3-8DADC6C764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D205C5E-A24D-DECE-6558-460034A2D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70BC196-0DAF-4B8A-0D05-4483A715C6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232973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4E9EE1-B892-F6EC-1A5C-D9A92E7905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504A79-8E84-A737-D6C9-5CE4144C190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2EB55F8-E68C-86A0-2524-FD577BDF38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265BB1F-F518-7009-A0CC-1CB3874D00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7D47ED2-C8EA-1232-0D44-B345633140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4711506-4566-5CF1-A9D1-F2A5E36C13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715583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A1D8D8-9924-6C09-D7BB-3F131C1C42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7609137-17EE-FF52-A010-5FA54CA6DE6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B4880F7-CBD6-DD51-66E0-1C139C39C8D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9613D2A-8C1C-4362-0497-381B8CA793D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DF9C5BF-6AAC-0677-F92F-6D44A897A9B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2A3FBAF-BB50-596A-9476-EE1C68F6B2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17BF23E-A604-30A8-E69F-D004C4A7BA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8775E22-6E27-00F5-80F2-6DE864D1C0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37106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843580-4039-C6CE-DC5B-F7DFFD0060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8B38CD8-0DDA-49DF-EADD-86195013AB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278655C-6A92-D1A9-BB2B-5FE5AC28DA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BA6CE6-A8C1-1A33-8591-85995BB4C4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55127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C608B53-A975-AF74-E946-B66D8F965E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E993031-EC0F-3552-DEA1-BFE47EE386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0CBDB68-FF03-43F6-A9C4-7FECF13116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508017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6F97C8-2C2C-31A2-FC39-B8381F323D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D6A6FD-40AC-F5F5-9A05-A600BC4376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EBB5F65-CC79-C3DE-7CAF-97662A951F2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8A5F2ED-E943-91E6-C3F7-B2D7AE33BA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D9BA325-A86D-4B25-F00D-3E0ACAA177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8EE1B5F-A056-F44F-5614-C83411DE4C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6689851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8E0178-34F9-291D-395B-93A8680244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0DE3C35-0898-1715-1ADC-E3D833262D3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F4043-3D44-00C9-3FDB-39EEE32EF72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DE01214-1D22-221B-AC77-9588D99D7D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0A895E-A83F-91F9-725F-51EF4182B2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EA72833-6C19-3969-72D2-672FC99FE2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42204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FF07BF7-39B3-D1D7-EE9D-A70472C6BE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4B9F52-DF31-D026-538A-3EDEEA4F429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0B25D95-5B16-6DD5-1270-24BA6E773A1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FC1D8AA-85F3-4DB2-A757-453DD0688F9F}" type="datetimeFigureOut">
              <a:rPr lang="en-GB" smtClean="0"/>
              <a:t>16/10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E1D03F4-5CCA-1538-BCFD-3AACFC6E00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160831F-AE77-16B6-D4B7-637C80CAECA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7AAAACA-89B5-47CE-9C88-CFC1D26CCD94}" type="slidenum">
              <a:rPr lang="en-GB" smtClean="0"/>
              <a:t>‹nº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77984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6" name="OTLSHAPE_M_333e1b8c1dfb43ee9a0ce7e57831bf0b_Connector1">
            <a:extLst>
              <a:ext uri="{FF2B5EF4-FFF2-40B4-BE49-F238E27FC236}">
                <a16:creationId xmlns:a16="http://schemas.microsoft.com/office/drawing/2014/main" id="{37A04705-D70A-4F9F-9B45-83FFD3CDB616}"/>
              </a:ext>
            </a:extLst>
          </p:cNvPr>
          <p:cNvCxnSpPr>
            <a:cxnSpLocks/>
            <a:endCxn id="189" idx="0"/>
          </p:cNvCxnSpPr>
          <p:nvPr>
            <p:custDataLst>
              <p:tags r:id="rId2"/>
            </p:custDataLst>
          </p:nvPr>
        </p:nvCxnSpPr>
        <p:spPr>
          <a:xfrm>
            <a:off x="10067706" y="3646366"/>
            <a:ext cx="1465" cy="2536426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54e5ddcf81ec45a798f665e8d4304ecb_Connector1">
            <a:extLst>
              <a:ext uri="{FF2B5EF4-FFF2-40B4-BE49-F238E27FC236}">
                <a16:creationId xmlns:a16="http://schemas.microsoft.com/office/drawing/2014/main" id="{EA2B5761-FE83-5321-7520-2B1741B4885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853402" y="2359382"/>
            <a:ext cx="0" cy="905320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435c3c587dc14c6b89dba783a5f69d05_Connector1">
            <a:extLst>
              <a:ext uri="{FF2B5EF4-FFF2-40B4-BE49-F238E27FC236}">
                <a16:creationId xmlns:a16="http://schemas.microsoft.com/office/drawing/2014/main" id="{F405690A-A2FE-123A-A9A3-DAC714CBBE04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4185965" y="2506232"/>
            <a:ext cx="0" cy="758470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M_4e91bb8943a74b158301cc7d87738766_Connector1">
            <a:extLst>
              <a:ext uri="{FF2B5EF4-FFF2-40B4-BE49-F238E27FC236}">
                <a16:creationId xmlns:a16="http://schemas.microsoft.com/office/drawing/2014/main" id="{491E828E-DF06-A9DE-A6AC-4CCE35BA7754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202301" y="1531620"/>
            <a:ext cx="7100" cy="1733082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B_00000000000000000000000000000000_ScaleContainer">
            <a:extLst>
              <a:ext uri="{FF2B5EF4-FFF2-40B4-BE49-F238E27FC236}">
                <a16:creationId xmlns:a16="http://schemas.microsoft.com/office/drawing/2014/main" id="{37BCDBC1-06A3-41EF-48F8-EAB82F889F2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02301" y="3245614"/>
            <a:ext cx="11723897" cy="272208"/>
          </a:xfrm>
          <a:prstGeom prst="round2SameRect">
            <a:avLst>
              <a:gd name="adj1" fmla="val 0"/>
              <a:gd name="adj2" fmla="val 0"/>
            </a:avLst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8" name="OTLSHAPE_TB_00000000000000000000000000000000_MiddleScaleContainer">
            <a:extLst>
              <a:ext uri="{FF2B5EF4-FFF2-40B4-BE49-F238E27FC236}">
                <a16:creationId xmlns:a16="http://schemas.microsoft.com/office/drawing/2014/main" id="{DD0ADBFD-4121-96E5-21D8-60B9888EC10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02301" y="3456725"/>
            <a:ext cx="11723891" cy="199660"/>
          </a:xfrm>
          <a:prstGeom prst="rect">
            <a:avLst/>
          </a:prstGeom>
          <a:solidFill>
            <a:srgbClr val="0006F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1" name="OTLSHAPE_TB_00000000000000000000000000000000_ElapsedTime">
            <a:extLst>
              <a:ext uri="{FF2B5EF4-FFF2-40B4-BE49-F238E27FC236}">
                <a16:creationId xmlns:a16="http://schemas.microsoft.com/office/drawing/2014/main" id="{C0B676D2-E36C-ACD1-F8BE-0BC54E024F0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02300" y="3264702"/>
            <a:ext cx="11517752" cy="384048"/>
          </a:xfrm>
          <a:prstGeom prst="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F77B165-66FA-7904-15CE-FA7F5212FB16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65801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2643D0E-1AD7-FE40-F3F1-38ED875C5C2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252848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B26FFA4D-21B4-8F9A-D7F3-429BF97A464B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444676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E3D97E58-DF40-47D5-AFD7-06617D4AE6F6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324497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0C00D917-CB33-603A-B182-A9207BCA8658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8651705" y="3270883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70" name="OTLSHAPE_TB_00000000000000000000000000000000_MiddleTimescaleInterval1">
            <a:extLst>
              <a:ext uri="{FF2B5EF4-FFF2-40B4-BE49-F238E27FC236}">
                <a16:creationId xmlns:a16="http://schemas.microsoft.com/office/drawing/2014/main" id="{7D151781-7BD8-4432-129F-36EE98DEFD9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65801" y="3462906"/>
            <a:ext cx="20518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 dirty="0">
                <a:solidFill>
                  <a:srgbClr val="E0E1DD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71" name="OTLSHAPE_TB_00000000000000000000000000000000_MiddleTimescaleInterval2">
            <a:extLst>
              <a:ext uri="{FF2B5EF4-FFF2-40B4-BE49-F238E27FC236}">
                <a16:creationId xmlns:a16="http://schemas.microsoft.com/office/drawing/2014/main" id="{3E04F082-1C2B-4EF8-C0B9-EE1DAF33E901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53228" y="3447559"/>
            <a:ext cx="227626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72" name="OTLSHAPE_TB_00000000000000000000000000000000_MiddleTimescaleInterval3">
            <a:extLst>
              <a:ext uri="{FF2B5EF4-FFF2-40B4-BE49-F238E27FC236}">
                <a16:creationId xmlns:a16="http://schemas.microsoft.com/office/drawing/2014/main" id="{30ACF2D5-2D5D-A6BE-4262-050DA8D71A0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733655" y="3462906"/>
            <a:ext cx="1971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3" name="OTLSHAPE_TB_00000000000000000000000000000000_MiddleTimescaleInterval4">
            <a:extLst>
              <a:ext uri="{FF2B5EF4-FFF2-40B4-BE49-F238E27FC236}">
                <a16:creationId xmlns:a16="http://schemas.microsoft.com/office/drawing/2014/main" id="{87B9DE90-BC04-EEA6-E002-57478074733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416272" y="3462906"/>
            <a:ext cx="20999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0" dirty="0">
                <a:solidFill>
                  <a:srgbClr val="E0E1DD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75" name="OTLSHAPE_TB_00000000000000000000000000000000_MiddleTimescaleInterval6">
            <a:extLst>
              <a:ext uri="{FF2B5EF4-FFF2-40B4-BE49-F238E27FC236}">
                <a16:creationId xmlns:a16="http://schemas.microsoft.com/office/drawing/2014/main" id="{7BF5E699-D094-5E29-4204-A4AF2E23C97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907736" y="3462906"/>
            <a:ext cx="216406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76" name="OTLSHAPE_TB_00000000000000000000000000000000_MiddleTimescaleInterval7">
            <a:extLst>
              <a:ext uri="{FF2B5EF4-FFF2-40B4-BE49-F238E27FC236}">
                <a16:creationId xmlns:a16="http://schemas.microsoft.com/office/drawing/2014/main" id="{FF2A8848-C487-ECA7-B05F-80F24CCAD9F2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083373" y="3462906"/>
            <a:ext cx="20518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 dirty="0">
                <a:solidFill>
                  <a:srgbClr val="E0E1DD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4" name="OTLSHAPE_TB_00000000000000000000000000000000_MiddleTimescaleInterval8">
            <a:extLst>
              <a:ext uri="{FF2B5EF4-FFF2-40B4-BE49-F238E27FC236}">
                <a16:creationId xmlns:a16="http://schemas.microsoft.com/office/drawing/2014/main" id="{87137CCD-E1DA-A6C0-751D-3F079C0824A7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893750" y="3447666"/>
            <a:ext cx="227626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05" name="OTLSHAPE_TB_00000000000000000000000000000000_MiddleTimescaleInterval9">
            <a:extLst>
              <a:ext uri="{FF2B5EF4-FFF2-40B4-BE49-F238E27FC236}">
                <a16:creationId xmlns:a16="http://schemas.microsoft.com/office/drawing/2014/main" id="{366105DF-B581-80CB-EA0F-77F211A1C50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8667806" y="3462906"/>
            <a:ext cx="1971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6" name="OTLSHAPE_TB_00000000000000000000000000000000_MiddleTimescaleInterval10">
            <a:extLst>
              <a:ext uri="{FF2B5EF4-FFF2-40B4-BE49-F238E27FC236}">
                <a16:creationId xmlns:a16="http://schemas.microsoft.com/office/drawing/2014/main" id="{5353A876-D066-14B5-C72B-676010C402B8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954183" y="3462906"/>
            <a:ext cx="20999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0" dirty="0">
                <a:solidFill>
                  <a:srgbClr val="E0E1DD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4" name="OTLSHAPE_M_5ac3166b54ac410e90508023891748db_Shape">
            <a:extLst>
              <a:ext uri="{FF2B5EF4-FFF2-40B4-BE49-F238E27FC236}">
                <a16:creationId xmlns:a16="http://schemas.microsoft.com/office/drawing/2014/main" id="{E9987464-1D92-6DB4-4959-0E8217A660B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6043" y="1422304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" name="OTLSHAPE_M_4e91bb8943a74b158301cc7d87738766_Title">
            <a:extLst>
              <a:ext uri="{FF2B5EF4-FFF2-40B4-BE49-F238E27FC236}">
                <a16:creationId xmlns:a16="http://schemas.microsoft.com/office/drawing/2014/main" id="{F6528C7F-171E-EA51-BE42-DF35DD3D316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68151" y="1481237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PorTuguese-2</a:t>
            </a:r>
          </a:p>
        </p:txBody>
      </p:sp>
      <p:sp>
        <p:nvSpPr>
          <p:cNvPr id="35" name="OTLSHAPE_M_4e91bb8943a74b158301cc7d87738766_Date">
            <a:extLst>
              <a:ext uri="{FF2B5EF4-FFF2-40B4-BE49-F238E27FC236}">
                <a16:creationId xmlns:a16="http://schemas.microsoft.com/office/drawing/2014/main" id="{B94A074D-80F0-6B1F-9A15-62E05F0EA80F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71046" y="1703392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GPT-2-small)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Pierre Guillou </a:t>
            </a:r>
          </a:p>
        </p:txBody>
      </p:sp>
      <p:cxnSp>
        <p:nvCxnSpPr>
          <p:cNvPr id="69" name="OTLSHAPE_M_333e1b8c1dfb43ee9a0ce7e57831bf0b_Connector1">
            <a:extLst>
              <a:ext uri="{FF2B5EF4-FFF2-40B4-BE49-F238E27FC236}">
                <a16:creationId xmlns:a16="http://schemas.microsoft.com/office/drawing/2014/main" id="{1209B843-83BB-4C39-BD09-4C1191C628F2}"/>
              </a:ext>
            </a:extLst>
          </p:cNvPr>
          <p:cNvCxnSpPr>
            <a:cxnSpLocks/>
          </p:cNvCxnSpPr>
          <p:nvPr>
            <p:custDataLst>
              <p:tags r:id="rId26"/>
            </p:custDataLst>
          </p:nvPr>
        </p:nvCxnSpPr>
        <p:spPr>
          <a:xfrm>
            <a:off x="1362828" y="3650238"/>
            <a:ext cx="0" cy="1530819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M_4e91bb8943a74b158301cc7d87738766_Title">
            <a:extLst>
              <a:ext uri="{FF2B5EF4-FFF2-40B4-BE49-F238E27FC236}">
                <a16:creationId xmlns:a16="http://schemas.microsoft.com/office/drawing/2014/main" id="{DB3BB4D1-B30F-4854-90E9-4143360C5F69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518894" y="5096192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RTimbau</a:t>
            </a:r>
          </a:p>
        </p:txBody>
      </p:sp>
      <p:sp>
        <p:nvSpPr>
          <p:cNvPr id="82" name="OTLSHAPE_M_4e91bb8943a74b158301cc7d87738766_Date">
            <a:extLst>
              <a:ext uri="{FF2B5EF4-FFF2-40B4-BE49-F238E27FC236}">
                <a16:creationId xmlns:a16="http://schemas.microsoft.com/office/drawing/2014/main" id="{506E5CE2-40D0-4E49-90A4-D06AE3A3EAE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487440" y="5325737"/>
            <a:ext cx="144810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mBERT / BERT)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Souza et al.</a:t>
            </a:r>
          </a:p>
        </p:txBody>
      </p:sp>
      <p:sp>
        <p:nvSpPr>
          <p:cNvPr id="85" name="OTLSHAPE_M_5ac3166b54ac410e90508023891748db_Shape">
            <a:extLst>
              <a:ext uri="{FF2B5EF4-FFF2-40B4-BE49-F238E27FC236}">
                <a16:creationId xmlns:a16="http://schemas.microsoft.com/office/drawing/2014/main" id="{147C6DF4-902F-4FE7-A868-26EC24D13F3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89620" y="5076642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6" name="OTLSHAPE_TB_00000000000000000000000000000000_MiddleTimescaleInterval2">
            <a:extLst>
              <a:ext uri="{FF2B5EF4-FFF2-40B4-BE49-F238E27FC236}">
                <a16:creationId xmlns:a16="http://schemas.microsoft.com/office/drawing/2014/main" id="{046FAB82-D706-4A5D-928B-C101477D905D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1388" y="3447559"/>
            <a:ext cx="227626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87" name="OTLSHAPE_M_5ac3166b54ac410e90508023891748db_Shape">
            <a:extLst>
              <a:ext uri="{FF2B5EF4-FFF2-40B4-BE49-F238E27FC236}">
                <a16:creationId xmlns:a16="http://schemas.microsoft.com/office/drawing/2014/main" id="{593DC147-CA54-4304-A21A-12AFCE69985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76234" y="2284056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8" name="OTLSHAPE_M_4e91bb8943a74b158301cc7d87738766_Title">
            <a:extLst>
              <a:ext uri="{FF2B5EF4-FFF2-40B4-BE49-F238E27FC236}">
                <a16:creationId xmlns:a16="http://schemas.microsoft.com/office/drawing/2014/main" id="{2A467266-366F-4389-954E-C81D16E4DE71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023082" y="2320177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TT5</a:t>
            </a:r>
          </a:p>
        </p:txBody>
      </p:sp>
      <p:sp>
        <p:nvSpPr>
          <p:cNvPr id="90" name="OTLSHAPE_M_4e91bb8943a74b158301cc7d87738766_Date">
            <a:extLst>
              <a:ext uri="{FF2B5EF4-FFF2-40B4-BE49-F238E27FC236}">
                <a16:creationId xmlns:a16="http://schemas.microsoft.com/office/drawing/2014/main" id="{BCA71D28-27B3-4C03-85B4-DAC164B7CD9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025977" y="2542332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mT5)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Carmo et al.</a:t>
            </a:r>
          </a:p>
        </p:txBody>
      </p:sp>
      <p:cxnSp>
        <p:nvCxnSpPr>
          <p:cNvPr id="92" name="OTLSHAPE_M_333e1b8c1dfb43ee9a0ce7e57831bf0b_Connector1">
            <a:extLst>
              <a:ext uri="{FF2B5EF4-FFF2-40B4-BE49-F238E27FC236}">
                <a16:creationId xmlns:a16="http://schemas.microsoft.com/office/drawing/2014/main" id="{78D5E521-1A01-4463-B29B-7DDF1331A932}"/>
              </a:ext>
            </a:extLst>
          </p:cNvPr>
          <p:cNvCxnSpPr>
            <a:cxnSpLocks/>
          </p:cNvCxnSpPr>
          <p:nvPr>
            <p:custDataLst>
              <p:tags r:id="rId34"/>
            </p:custDataLst>
          </p:nvPr>
        </p:nvCxnSpPr>
        <p:spPr>
          <a:xfrm>
            <a:off x="1842428" y="3650652"/>
            <a:ext cx="0" cy="784733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M_4e91bb8943a74b158301cc7d87738766_Title">
            <a:extLst>
              <a:ext uri="{FF2B5EF4-FFF2-40B4-BE49-F238E27FC236}">
                <a16:creationId xmlns:a16="http://schemas.microsoft.com/office/drawing/2014/main" id="{DAE54C9D-C6A3-4633-8162-40D7081FBCF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026284" y="4373970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ioBERTpt</a:t>
            </a:r>
          </a:p>
        </p:txBody>
      </p:sp>
      <p:sp>
        <p:nvSpPr>
          <p:cNvPr id="95" name="OTLSHAPE_M_4e91bb8943a74b158301cc7d87738766_Date">
            <a:extLst>
              <a:ext uri="{FF2B5EF4-FFF2-40B4-BE49-F238E27FC236}">
                <a16:creationId xmlns:a16="http://schemas.microsoft.com/office/drawing/2014/main" id="{B1B2EE2A-1651-4BD2-854C-8910903EB45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994830" y="4603515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mBERT)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Schneider et al.</a:t>
            </a:r>
          </a:p>
        </p:txBody>
      </p:sp>
      <p:sp>
        <p:nvSpPr>
          <p:cNvPr id="96" name="OTLSHAPE_TB_00000000000000000000000000000000_MiddleTimescaleInterval3">
            <a:extLst>
              <a:ext uri="{FF2B5EF4-FFF2-40B4-BE49-F238E27FC236}">
                <a16:creationId xmlns:a16="http://schemas.microsoft.com/office/drawing/2014/main" id="{60BEE5C0-409D-4EBA-91E4-44326B95C2E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282976" y="3447559"/>
            <a:ext cx="1971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102" name="OTLSHAPE_M_4e91bb8943a74b158301cc7d87738766_Connector1">
            <a:extLst>
              <a:ext uri="{FF2B5EF4-FFF2-40B4-BE49-F238E27FC236}">
                <a16:creationId xmlns:a16="http://schemas.microsoft.com/office/drawing/2014/main" id="{378F9EB6-AC66-4D71-A4D3-7A0BFF7B09C5}"/>
              </a:ext>
            </a:extLst>
          </p:cNvPr>
          <p:cNvCxnSpPr>
            <a:cxnSpLocks/>
          </p:cNvCxnSpPr>
          <p:nvPr>
            <p:custDataLst>
              <p:tags r:id="rId38"/>
            </p:custDataLst>
          </p:nvPr>
        </p:nvCxnSpPr>
        <p:spPr>
          <a:xfrm>
            <a:off x="2351505" y="1523338"/>
            <a:ext cx="7100" cy="1733082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TLSHAPE_M_4e91bb8943a74b158301cc7d87738766_Title">
            <a:extLst>
              <a:ext uri="{FF2B5EF4-FFF2-40B4-BE49-F238E27FC236}">
                <a16:creationId xmlns:a16="http://schemas.microsoft.com/office/drawing/2014/main" id="{19C5D10C-D62F-4BB4-A382-FDA872D8419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517355" y="1472955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RTaú</a:t>
            </a:r>
          </a:p>
        </p:txBody>
      </p:sp>
      <p:sp>
        <p:nvSpPr>
          <p:cNvPr id="107" name="OTLSHAPE_M_4e91bb8943a74b158301cc7d87738766_Date">
            <a:extLst>
              <a:ext uri="{FF2B5EF4-FFF2-40B4-BE49-F238E27FC236}">
                <a16:creationId xmlns:a16="http://schemas.microsoft.com/office/drawing/2014/main" id="{04824A0A-E014-4337-8A7E-BC6CB039D53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520250" y="1695110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Pre-trained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Finardi et al. </a:t>
            </a:r>
          </a:p>
        </p:txBody>
      </p:sp>
      <p:cxnSp>
        <p:nvCxnSpPr>
          <p:cNvPr id="112" name="OTLSHAPE_M_333e1b8c1dfb43ee9a0ce7e57831bf0b_Connector1">
            <a:extLst>
              <a:ext uri="{FF2B5EF4-FFF2-40B4-BE49-F238E27FC236}">
                <a16:creationId xmlns:a16="http://schemas.microsoft.com/office/drawing/2014/main" id="{661BE5DF-5825-40A0-A751-D4F34B2EEBD5}"/>
              </a:ext>
            </a:extLst>
          </p:cNvPr>
          <p:cNvCxnSpPr>
            <a:cxnSpLocks/>
          </p:cNvCxnSpPr>
          <p:nvPr>
            <p:custDataLst>
              <p:tags r:id="rId41"/>
            </p:custDataLst>
          </p:nvPr>
        </p:nvCxnSpPr>
        <p:spPr>
          <a:xfrm>
            <a:off x="3505324" y="3646366"/>
            <a:ext cx="0" cy="475723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4e91bb8943a74b158301cc7d87738766_Title">
            <a:extLst>
              <a:ext uri="{FF2B5EF4-FFF2-40B4-BE49-F238E27FC236}">
                <a16:creationId xmlns:a16="http://schemas.microsoft.com/office/drawing/2014/main" id="{BB7EB619-6D46-477B-9C95-D7D36E0A0FC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688289" y="4054742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PT2-Bio-Pt</a:t>
            </a:r>
          </a:p>
        </p:txBody>
      </p:sp>
      <p:sp>
        <p:nvSpPr>
          <p:cNvPr id="115" name="OTLSHAPE_M_4e91bb8943a74b158301cc7d87738766_Date">
            <a:extLst>
              <a:ext uri="{FF2B5EF4-FFF2-40B4-BE49-F238E27FC236}">
                <a16:creationId xmlns:a16="http://schemas.microsoft.com/office/drawing/2014/main" id="{F73209A9-3D72-4768-9F15-7903FBCAF30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656835" y="4284287"/>
            <a:ext cx="149371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GPorTuguese-2)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Schneider et al.</a:t>
            </a:r>
          </a:p>
        </p:txBody>
      </p:sp>
      <p:sp>
        <p:nvSpPr>
          <p:cNvPr id="117" name="OTLSHAPE_M_4e91bb8943a74b158301cc7d87738766_Title">
            <a:extLst>
              <a:ext uri="{FF2B5EF4-FFF2-40B4-BE49-F238E27FC236}">
                <a16:creationId xmlns:a16="http://schemas.microsoft.com/office/drawing/2014/main" id="{BB4C6D5D-9AC5-418D-BE4F-0ED5F4ACD9E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484338" y="2425693"/>
            <a:ext cx="59903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RTikal</a:t>
            </a:r>
          </a:p>
        </p:txBody>
      </p:sp>
      <p:sp>
        <p:nvSpPr>
          <p:cNvPr id="118" name="OTLSHAPE_M_4e91bb8943a74b158301cc7d87738766_Date">
            <a:extLst>
              <a:ext uri="{FF2B5EF4-FFF2-40B4-BE49-F238E27FC236}">
                <a16:creationId xmlns:a16="http://schemas.microsoft.com/office/drawing/2014/main" id="{C71D5CF6-3A8E-4051-97F5-888FD835C3AF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743046" y="2611513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BERTimbau)</a:t>
            </a:r>
          </a:p>
          <a:p>
            <a:pPr algn="r"/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Polo et al. </a:t>
            </a:r>
          </a:p>
        </p:txBody>
      </p:sp>
      <p:cxnSp>
        <p:nvCxnSpPr>
          <p:cNvPr id="119" name="OTLSHAPE_M_435c3c587dc14c6b89dba783a5f69d05_Connector1">
            <a:extLst>
              <a:ext uri="{FF2B5EF4-FFF2-40B4-BE49-F238E27FC236}">
                <a16:creationId xmlns:a16="http://schemas.microsoft.com/office/drawing/2014/main" id="{69AE55B1-418E-42C1-9DF7-816241CCB8FF}"/>
              </a:ext>
            </a:extLst>
          </p:cNvPr>
          <p:cNvCxnSpPr>
            <a:cxnSpLocks/>
          </p:cNvCxnSpPr>
          <p:nvPr>
            <p:custDataLst>
              <p:tags r:id="rId46"/>
            </p:custDataLst>
          </p:nvPr>
        </p:nvCxnSpPr>
        <p:spPr>
          <a:xfrm>
            <a:off x="4990527" y="955918"/>
            <a:ext cx="1" cy="2308784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OTLSHAPE_M_4e91bb8943a74b158301cc7d87738766_Title">
            <a:extLst>
              <a:ext uri="{FF2B5EF4-FFF2-40B4-BE49-F238E27FC236}">
                <a16:creationId xmlns:a16="http://schemas.microsoft.com/office/drawing/2014/main" id="{28A1965D-CE8A-4FC4-9181-4DFC2D496C8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178647" y="864280"/>
            <a:ext cx="69340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etroBERT</a:t>
            </a:r>
          </a:p>
        </p:txBody>
      </p:sp>
      <p:sp>
        <p:nvSpPr>
          <p:cNvPr id="122" name="OTLSHAPE_M_4e91bb8943a74b158301cc7d87738766_Date">
            <a:extLst>
              <a:ext uri="{FF2B5EF4-FFF2-40B4-BE49-F238E27FC236}">
                <a16:creationId xmlns:a16="http://schemas.microsoft.com/office/drawing/2014/main" id="{15E9D995-3C85-496A-AF8F-E0741777FB3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055439" y="1062902"/>
            <a:ext cx="1827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mBERT / BERTimbau)</a:t>
            </a:r>
          </a:p>
          <a:p>
            <a:pPr algn="r"/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Rodrigues et al. </a:t>
            </a:r>
          </a:p>
        </p:txBody>
      </p:sp>
      <p:sp>
        <p:nvSpPr>
          <p:cNvPr id="123" name="OTLSHAPE_TB_00000000000000000000000000000000_MiddleTimescaleInterval6">
            <a:extLst>
              <a:ext uri="{FF2B5EF4-FFF2-40B4-BE49-F238E27FC236}">
                <a16:creationId xmlns:a16="http://schemas.microsoft.com/office/drawing/2014/main" id="{12F7542E-45AC-45C6-8FC8-1EB8FA66A50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821753" y="3454824"/>
            <a:ext cx="216406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4" name="OTLSHAPE_M_5ac3166b54ac410e90508023891748db_Shape">
            <a:extLst>
              <a:ext uri="{FF2B5EF4-FFF2-40B4-BE49-F238E27FC236}">
                <a16:creationId xmlns:a16="http://schemas.microsoft.com/office/drawing/2014/main" id="{3E51B6ED-5638-46AD-9E74-A7C41CF31CF6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915356" y="826426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26" name="OTLSHAPE_M_435c3c587dc14c6b89dba783a5f69d05_Connector1">
            <a:extLst>
              <a:ext uri="{FF2B5EF4-FFF2-40B4-BE49-F238E27FC236}">
                <a16:creationId xmlns:a16="http://schemas.microsoft.com/office/drawing/2014/main" id="{E15D8563-EB36-40D9-9D23-DA612AC111DF}"/>
              </a:ext>
            </a:extLst>
          </p:cNvPr>
          <p:cNvCxnSpPr>
            <a:cxnSpLocks/>
          </p:cNvCxnSpPr>
          <p:nvPr>
            <p:custDataLst>
              <p:tags r:id="rId51"/>
            </p:custDataLst>
          </p:nvPr>
        </p:nvCxnSpPr>
        <p:spPr>
          <a:xfrm flipH="1">
            <a:off x="5924921" y="3648372"/>
            <a:ext cx="9871" cy="955143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OTLSHAPE_M_4e91bb8943a74b158301cc7d87738766_Title">
            <a:extLst>
              <a:ext uri="{FF2B5EF4-FFF2-40B4-BE49-F238E27FC236}">
                <a16:creationId xmlns:a16="http://schemas.microsoft.com/office/drawing/2014/main" id="{8031C755-C986-4320-BB38-6B9448623EE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062099" y="4569073"/>
            <a:ext cx="69340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abiá</a:t>
            </a:r>
          </a:p>
        </p:txBody>
      </p:sp>
      <p:sp>
        <p:nvSpPr>
          <p:cNvPr id="129" name="OTLSHAPE_M_4e91bb8943a74b158301cc7d87738766_Date">
            <a:extLst>
              <a:ext uri="{FF2B5EF4-FFF2-40B4-BE49-F238E27FC236}">
                <a16:creationId xmlns:a16="http://schemas.microsoft.com/office/drawing/2014/main" id="{63AA66BE-5A6D-4ED0-B155-C00CC32A864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938891" y="4767695"/>
            <a:ext cx="1827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Llama)</a:t>
            </a:r>
          </a:p>
          <a:p>
            <a:pPr algn="r"/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Pires et al. </a:t>
            </a:r>
          </a:p>
        </p:txBody>
      </p:sp>
      <p:sp>
        <p:nvSpPr>
          <p:cNvPr id="130" name="OTLSHAPE_TB_00000000000000000000000000000000_MiddleTimescaleInterval6">
            <a:extLst>
              <a:ext uri="{FF2B5EF4-FFF2-40B4-BE49-F238E27FC236}">
                <a16:creationId xmlns:a16="http://schemas.microsoft.com/office/drawing/2014/main" id="{08379FCD-5913-41F3-ADE5-665FCD24FF6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203680" y="3447075"/>
            <a:ext cx="216406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132" name="OTLSHAPE_M_435c3c587dc14c6b89dba783a5f69d05_Connector1">
            <a:extLst>
              <a:ext uri="{FF2B5EF4-FFF2-40B4-BE49-F238E27FC236}">
                <a16:creationId xmlns:a16="http://schemas.microsoft.com/office/drawing/2014/main" id="{76A1DF19-B748-4755-9031-B35B22A239AD}"/>
              </a:ext>
            </a:extLst>
          </p:cNvPr>
          <p:cNvCxnSpPr>
            <a:cxnSpLocks/>
          </p:cNvCxnSpPr>
          <p:nvPr>
            <p:custDataLst>
              <p:tags r:id="rId55"/>
            </p:custDataLst>
          </p:nvPr>
        </p:nvCxnSpPr>
        <p:spPr>
          <a:xfrm>
            <a:off x="6318355" y="1062902"/>
            <a:ext cx="0" cy="2201800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OTLSHAPE_M_4e91bb8943a74b158301cc7d87738766_Title">
            <a:extLst>
              <a:ext uri="{FF2B5EF4-FFF2-40B4-BE49-F238E27FC236}">
                <a16:creationId xmlns:a16="http://schemas.microsoft.com/office/drawing/2014/main" id="{8D04CBCB-5DE4-4CEA-A46A-9811849A2FD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471732" y="955918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lbertina</a:t>
            </a:r>
          </a:p>
        </p:txBody>
      </p:sp>
      <p:sp>
        <p:nvSpPr>
          <p:cNvPr id="138" name="OTLSHAPE_M_4e91bb8943a74b158301cc7d87738766_Date">
            <a:extLst>
              <a:ext uri="{FF2B5EF4-FFF2-40B4-BE49-F238E27FC236}">
                <a16:creationId xmlns:a16="http://schemas.microsoft.com/office/drawing/2014/main" id="{88999A88-C51E-46ED-93A0-E0D905036C3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492383" y="1178073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DeBERTa)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Rodrigues et al.</a:t>
            </a:r>
          </a:p>
        </p:txBody>
      </p:sp>
      <p:sp>
        <p:nvSpPr>
          <p:cNvPr id="139" name="OTLSHAPE_TB_00000000000000000000000000000000_MiddleTimescaleInterval6">
            <a:extLst>
              <a:ext uri="{FF2B5EF4-FFF2-40B4-BE49-F238E27FC236}">
                <a16:creationId xmlns:a16="http://schemas.microsoft.com/office/drawing/2014/main" id="{3D80B817-58FB-4F2A-B5BE-C86F3B66EF3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575523" y="3447075"/>
            <a:ext cx="216406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141" name="OTLSHAPE_M_333e1b8c1dfb43ee9a0ce7e57831bf0b_Connector1">
            <a:extLst>
              <a:ext uri="{FF2B5EF4-FFF2-40B4-BE49-F238E27FC236}">
                <a16:creationId xmlns:a16="http://schemas.microsoft.com/office/drawing/2014/main" id="{CB79D963-B62F-44FE-8B9C-5CAC7B541957}"/>
              </a:ext>
            </a:extLst>
          </p:cNvPr>
          <p:cNvCxnSpPr>
            <a:cxnSpLocks/>
          </p:cNvCxnSpPr>
          <p:nvPr>
            <p:custDataLst>
              <p:tags r:id="rId59"/>
            </p:custDataLst>
          </p:nvPr>
        </p:nvCxnSpPr>
        <p:spPr>
          <a:xfrm>
            <a:off x="6674943" y="3650781"/>
            <a:ext cx="0" cy="2082537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OTLSHAPE_M_4e91bb8943a74b158301cc7d87738766_Title">
            <a:extLst>
              <a:ext uri="{FF2B5EF4-FFF2-40B4-BE49-F238E27FC236}">
                <a16:creationId xmlns:a16="http://schemas.microsoft.com/office/drawing/2014/main" id="{868B19DD-1CDB-43C4-B9FB-0DB71C9FE53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682780" y="5640290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JurisBERT</a:t>
            </a:r>
          </a:p>
        </p:txBody>
      </p:sp>
      <p:sp>
        <p:nvSpPr>
          <p:cNvPr id="144" name="OTLSHAPE_M_4e91bb8943a74b158301cc7d87738766_Date">
            <a:extLst>
              <a:ext uri="{FF2B5EF4-FFF2-40B4-BE49-F238E27FC236}">
                <a16:creationId xmlns:a16="http://schemas.microsoft.com/office/drawing/2014/main" id="{24BD197B-01E9-43C0-9327-E8261BF385F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033462" y="5846840"/>
            <a:ext cx="1490818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Pre-trained and Fine-tuned (BERTimbau)</a:t>
            </a:r>
          </a:p>
          <a:p>
            <a:pPr algn="r"/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Viegas et al.</a:t>
            </a:r>
          </a:p>
        </p:txBody>
      </p:sp>
      <p:cxnSp>
        <p:nvCxnSpPr>
          <p:cNvPr id="146" name="OTLSHAPE_M_54e5ddcf81ec45a798f665e8d4304ecb_Connector1">
            <a:extLst>
              <a:ext uri="{FF2B5EF4-FFF2-40B4-BE49-F238E27FC236}">
                <a16:creationId xmlns:a16="http://schemas.microsoft.com/office/drawing/2014/main" id="{09753F2C-8177-484E-B68C-10769499EE73}"/>
              </a:ext>
            </a:extLst>
          </p:cNvPr>
          <p:cNvCxnSpPr>
            <a:cxnSpLocks/>
          </p:cNvCxnSpPr>
          <p:nvPr>
            <p:custDataLst>
              <p:tags r:id="rId62"/>
            </p:custDataLst>
          </p:nvPr>
        </p:nvCxnSpPr>
        <p:spPr>
          <a:xfrm>
            <a:off x="6991458" y="1703392"/>
            <a:ext cx="0" cy="1549510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8" name="OTLSHAPE_M_4e91bb8943a74b158301cc7d87738766_Title">
            <a:extLst>
              <a:ext uri="{FF2B5EF4-FFF2-40B4-BE49-F238E27FC236}">
                <a16:creationId xmlns:a16="http://schemas.microsoft.com/office/drawing/2014/main" id="{1153BA2F-9FC8-46E9-BEFD-0ED986A5169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192146" y="1630338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abrita</a:t>
            </a:r>
          </a:p>
        </p:txBody>
      </p:sp>
      <p:sp>
        <p:nvSpPr>
          <p:cNvPr id="149" name="OTLSHAPE_M_4e91bb8943a74b158301cc7d87738766_Date">
            <a:extLst>
              <a:ext uri="{FF2B5EF4-FFF2-40B4-BE49-F238E27FC236}">
                <a16:creationId xmlns:a16="http://schemas.microsoft.com/office/drawing/2014/main" id="{973E26E2-C2A7-46C0-90F0-E4572D60C1A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195041" y="1852493"/>
            <a:ext cx="150847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OpenLLaMA 3B)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Larcher et al.</a:t>
            </a:r>
          </a:p>
        </p:txBody>
      </p:sp>
      <p:sp>
        <p:nvSpPr>
          <p:cNvPr id="151" name="OTLSHAPE_TB_00000000000000000000000000000000_MiddleTimescaleInterval8">
            <a:extLst>
              <a:ext uri="{FF2B5EF4-FFF2-40B4-BE49-F238E27FC236}">
                <a16:creationId xmlns:a16="http://schemas.microsoft.com/office/drawing/2014/main" id="{16694C3E-615A-4BAA-8398-74E03EEFB51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220791" y="3438060"/>
            <a:ext cx="227626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Set</a:t>
            </a:r>
          </a:p>
        </p:txBody>
      </p:sp>
      <p:cxnSp>
        <p:nvCxnSpPr>
          <p:cNvPr id="152" name="OTLSHAPE_M_333e1b8c1dfb43ee9a0ce7e57831bf0b_Connector1">
            <a:extLst>
              <a:ext uri="{FF2B5EF4-FFF2-40B4-BE49-F238E27FC236}">
                <a16:creationId xmlns:a16="http://schemas.microsoft.com/office/drawing/2014/main" id="{45BC1946-537D-46DC-B511-AE976AE67213}"/>
              </a:ext>
            </a:extLst>
          </p:cNvPr>
          <p:cNvCxnSpPr>
            <a:cxnSpLocks/>
          </p:cNvCxnSpPr>
          <p:nvPr>
            <p:custDataLst>
              <p:tags r:id="rId66"/>
            </p:custDataLst>
          </p:nvPr>
        </p:nvCxnSpPr>
        <p:spPr>
          <a:xfrm>
            <a:off x="7311744" y="3650780"/>
            <a:ext cx="0" cy="2082537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" name="OTLSHAPE_M_5ac3166b54ac410e90508023891748db_Shape">
            <a:extLst>
              <a:ext uri="{FF2B5EF4-FFF2-40B4-BE49-F238E27FC236}">
                <a16:creationId xmlns:a16="http://schemas.microsoft.com/office/drawing/2014/main" id="{C0E05D2D-A16C-4692-B77A-258A4D141DDD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236276" y="4671931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7" name="OTLSHAPE_M_909ade66c9e945b8996f6453af4f18e6_Shape">
            <a:extLst>
              <a:ext uri="{FF2B5EF4-FFF2-40B4-BE49-F238E27FC236}">
                <a16:creationId xmlns:a16="http://schemas.microsoft.com/office/drawing/2014/main" id="{402FC109-BF82-4CA4-A9AD-20AA18E7C93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7197991" y="5609867"/>
            <a:ext cx="228600" cy="2540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8" name="OTLSHAPE_M_4e91bb8943a74b158301cc7d87738766_Title">
            <a:extLst>
              <a:ext uri="{FF2B5EF4-FFF2-40B4-BE49-F238E27FC236}">
                <a16:creationId xmlns:a16="http://schemas.microsoft.com/office/drawing/2014/main" id="{7642F4D0-DEEB-40FE-AC99-AEF4D4983FC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450927" y="5648124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RTabaporu</a:t>
            </a:r>
          </a:p>
        </p:txBody>
      </p:sp>
      <p:sp>
        <p:nvSpPr>
          <p:cNvPr id="159" name="OTLSHAPE_M_4e91bb8943a74b158301cc7d87738766_Date">
            <a:extLst>
              <a:ext uri="{FF2B5EF4-FFF2-40B4-BE49-F238E27FC236}">
                <a16:creationId xmlns:a16="http://schemas.microsoft.com/office/drawing/2014/main" id="{18D7E8B8-105C-4F48-8761-876B567319B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419473" y="5877669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Pre-trained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Costa et al.</a:t>
            </a:r>
          </a:p>
        </p:txBody>
      </p:sp>
      <p:sp>
        <p:nvSpPr>
          <p:cNvPr id="160" name="OTLSHAPE_M_4e91bb8943a74b158301cc7d87738766_Title">
            <a:extLst>
              <a:ext uri="{FF2B5EF4-FFF2-40B4-BE49-F238E27FC236}">
                <a16:creationId xmlns:a16="http://schemas.microsoft.com/office/drawing/2014/main" id="{A8C92DD8-B91C-4B63-BA59-7ADF9A866DD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433224" y="4661558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eBERTinha</a:t>
            </a:r>
          </a:p>
        </p:txBody>
      </p:sp>
      <p:sp>
        <p:nvSpPr>
          <p:cNvPr id="161" name="OTLSHAPE_M_4e91bb8943a74b158301cc7d87738766_Date">
            <a:extLst>
              <a:ext uri="{FF2B5EF4-FFF2-40B4-BE49-F238E27FC236}">
                <a16:creationId xmlns:a16="http://schemas.microsoft.com/office/drawing/2014/main" id="{4DB99B1E-B849-4614-8D5E-A395320C547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401770" y="4891103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DeBERTaV3)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Campiotti et al.</a:t>
            </a:r>
          </a:p>
        </p:txBody>
      </p:sp>
      <p:sp>
        <p:nvSpPr>
          <p:cNvPr id="162" name="OTLSHAPE_TB_00000000000000000000000000000000_MiddleTimescaleInterval8">
            <a:extLst>
              <a:ext uri="{FF2B5EF4-FFF2-40B4-BE49-F238E27FC236}">
                <a16:creationId xmlns:a16="http://schemas.microsoft.com/office/drawing/2014/main" id="{9E8CE6CE-EF7F-4E1D-8799-6AD31DBCF1F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525199" y="3438060"/>
            <a:ext cx="227626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64" name="OTLSHAPE_M_54e5ddcf81ec45a798f665e8d4304ecb_Connector1">
            <a:extLst>
              <a:ext uri="{FF2B5EF4-FFF2-40B4-BE49-F238E27FC236}">
                <a16:creationId xmlns:a16="http://schemas.microsoft.com/office/drawing/2014/main" id="{0E8B8131-7CF6-4556-912F-8C8D21B3FFC6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7611915" y="2343963"/>
            <a:ext cx="0" cy="905320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6" name="OTLSHAPE_M_4e91bb8943a74b158301cc7d87738766_Title">
            <a:extLst>
              <a:ext uri="{FF2B5EF4-FFF2-40B4-BE49-F238E27FC236}">
                <a16:creationId xmlns:a16="http://schemas.microsoft.com/office/drawing/2014/main" id="{483D3370-53A7-4066-AA69-54B085EF2B6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781595" y="2304758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LegalBert-pt</a:t>
            </a:r>
          </a:p>
        </p:txBody>
      </p:sp>
      <p:sp>
        <p:nvSpPr>
          <p:cNvPr id="167" name="OTLSHAPE_M_4e91bb8943a74b158301cc7d87738766_Date">
            <a:extLst>
              <a:ext uri="{FF2B5EF4-FFF2-40B4-BE49-F238E27FC236}">
                <a16:creationId xmlns:a16="http://schemas.microsoft.com/office/drawing/2014/main" id="{791B2AC7-754F-48D0-9E05-B24A8DBAC17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784490" y="2494359"/>
            <a:ext cx="1555039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Pre-trained and Fine-tuned </a:t>
            </a:r>
            <a:r>
              <a:rPr lang="en-GB" sz="1000" i="1" spc="-4">
                <a:solidFill>
                  <a:srgbClr val="1B263B"/>
                </a:solidFill>
                <a:latin typeface="Calibri Light" panose="020F0302020204030204" pitchFamily="34" charset="0"/>
              </a:rPr>
              <a:t>(BERTimbau)</a:t>
            </a:r>
            <a:endParaRPr lang="en-GB" sz="1000" i="1" spc="-4" dirty="0">
              <a:solidFill>
                <a:srgbClr val="1B263B"/>
              </a:solidFill>
              <a:latin typeface="Calibri Light" panose="020F0302020204030204" pitchFamily="34" charset="0"/>
            </a:endParaRP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Carmo et al.</a:t>
            </a:r>
          </a:p>
        </p:txBody>
      </p:sp>
      <p:cxnSp>
        <p:nvCxnSpPr>
          <p:cNvPr id="168" name="OTLSHAPE_M_333e1b8c1dfb43ee9a0ce7e57831bf0b_Connector1">
            <a:extLst>
              <a:ext uri="{FF2B5EF4-FFF2-40B4-BE49-F238E27FC236}">
                <a16:creationId xmlns:a16="http://schemas.microsoft.com/office/drawing/2014/main" id="{E060B845-ED74-4075-904E-F2608241FFC6}"/>
              </a:ext>
            </a:extLst>
          </p:cNvPr>
          <p:cNvCxnSpPr>
            <a:cxnSpLocks/>
          </p:cNvCxnSpPr>
          <p:nvPr>
            <p:custDataLst>
              <p:tags r:id="rId77"/>
            </p:custDataLst>
          </p:nvPr>
        </p:nvCxnSpPr>
        <p:spPr>
          <a:xfrm>
            <a:off x="8732559" y="3652828"/>
            <a:ext cx="0" cy="2082537"/>
          </a:xfrm>
          <a:prstGeom prst="line">
            <a:avLst/>
          </a:prstGeom>
          <a:ln w="9525" cap="flat" cmpd="sng" algn="ctr">
            <a:solidFill>
              <a:srgbClr val="24823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1" name="OTLSHAPE_M_4e91bb8943a74b158301cc7d87738766_Title">
            <a:extLst>
              <a:ext uri="{FF2B5EF4-FFF2-40B4-BE49-F238E27FC236}">
                <a16:creationId xmlns:a16="http://schemas.microsoft.com/office/drawing/2014/main" id="{596E8788-4DEB-44E7-AFD3-88A5B537CB9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864074" y="4656375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ode</a:t>
            </a:r>
          </a:p>
        </p:txBody>
      </p:sp>
      <p:sp>
        <p:nvSpPr>
          <p:cNvPr id="172" name="OTLSHAPE_M_4e91bb8943a74b158301cc7d87738766_Date">
            <a:extLst>
              <a:ext uri="{FF2B5EF4-FFF2-40B4-BE49-F238E27FC236}">
                <a16:creationId xmlns:a16="http://schemas.microsoft.com/office/drawing/2014/main" id="{D37DA8A2-2402-473F-B27F-CC5A704A234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832620" y="4885920"/>
            <a:ext cx="139201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Llama 2)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Garcia et al.</a:t>
            </a:r>
          </a:p>
        </p:txBody>
      </p:sp>
      <p:sp>
        <p:nvSpPr>
          <p:cNvPr id="173" name="OTLSHAPE_M_4e91bb8943a74b158301cc7d87738766_Title">
            <a:extLst>
              <a:ext uri="{FF2B5EF4-FFF2-40B4-BE49-F238E27FC236}">
                <a16:creationId xmlns:a16="http://schemas.microsoft.com/office/drawing/2014/main" id="{FC6466EA-275B-4BD6-A175-ACD1C5BC2E8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865112" y="5639319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TeenyTinyLlama</a:t>
            </a:r>
          </a:p>
        </p:txBody>
      </p:sp>
      <p:sp>
        <p:nvSpPr>
          <p:cNvPr id="174" name="OTLSHAPE_M_4e91bb8943a74b158301cc7d87738766_Date">
            <a:extLst>
              <a:ext uri="{FF2B5EF4-FFF2-40B4-BE49-F238E27FC236}">
                <a16:creationId xmlns:a16="http://schemas.microsoft.com/office/drawing/2014/main" id="{F1DA87C7-84C6-4047-89F2-DA6C0EA3A7A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833658" y="5868864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Pre-trained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Corrêa et al.</a:t>
            </a:r>
          </a:p>
        </p:txBody>
      </p:sp>
      <p:sp>
        <p:nvSpPr>
          <p:cNvPr id="175" name="OTLSHAPE_M_5ac3166b54ac410e90508023891748db_Shape">
            <a:extLst>
              <a:ext uri="{FF2B5EF4-FFF2-40B4-BE49-F238E27FC236}">
                <a16:creationId xmlns:a16="http://schemas.microsoft.com/office/drawing/2014/main" id="{BEFF4F08-8C00-4A39-B0D0-9F5336B69870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8657092" y="4671931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6" name="OTLSHAPE_M_909ade66c9e945b8996f6453af4f18e6_Shape">
            <a:extLst>
              <a:ext uri="{FF2B5EF4-FFF2-40B4-BE49-F238E27FC236}">
                <a16:creationId xmlns:a16="http://schemas.microsoft.com/office/drawing/2014/main" id="{14E796E8-4F6F-4DE6-9812-C063FE4C4295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8619720" y="5604581"/>
            <a:ext cx="228600" cy="2540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7" name="OTLSHAPE_TB_00000000000000000000000000000000_MiddleTimescaleInterval9">
            <a:extLst>
              <a:ext uri="{FF2B5EF4-FFF2-40B4-BE49-F238E27FC236}">
                <a16:creationId xmlns:a16="http://schemas.microsoft.com/office/drawing/2014/main" id="{7A30BCE4-583F-423A-86EE-0D823623974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396387" y="3455307"/>
            <a:ext cx="1971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83" name="OTLSHAPE_M_4e91bb8943a74b158301cc7d87738766_Title">
            <a:extLst>
              <a:ext uri="{FF2B5EF4-FFF2-40B4-BE49-F238E27FC236}">
                <a16:creationId xmlns:a16="http://schemas.microsoft.com/office/drawing/2014/main" id="{A64DF4E9-E0CA-424C-9A50-3E70D491713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622448" y="1993977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ervásio</a:t>
            </a:r>
          </a:p>
        </p:txBody>
      </p:sp>
      <p:sp>
        <p:nvSpPr>
          <p:cNvPr id="184" name="OTLSHAPE_M_4e91bb8943a74b158301cc7d87738766_Date">
            <a:extLst>
              <a:ext uri="{FF2B5EF4-FFF2-40B4-BE49-F238E27FC236}">
                <a16:creationId xmlns:a16="http://schemas.microsoft.com/office/drawing/2014/main" id="{A178C9EF-4BB8-41D7-8C76-1896DB80745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616459" y="2216132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Llama 2)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Santos et al.</a:t>
            </a:r>
          </a:p>
        </p:txBody>
      </p:sp>
      <p:sp>
        <p:nvSpPr>
          <p:cNvPr id="186" name="OTLSHAPE_M_4e91bb8943a74b158301cc7d87738766_Title">
            <a:extLst>
              <a:ext uri="{FF2B5EF4-FFF2-40B4-BE49-F238E27FC236}">
                <a16:creationId xmlns:a16="http://schemas.microsoft.com/office/drawing/2014/main" id="{7CDC990F-AC1E-4C1F-9C5E-A9AA3B33FE3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676953" y="957635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lória</a:t>
            </a:r>
          </a:p>
        </p:txBody>
      </p:sp>
      <p:sp>
        <p:nvSpPr>
          <p:cNvPr id="187" name="OTLSHAPE_M_4e91bb8943a74b158301cc7d87738766_Date">
            <a:extLst>
              <a:ext uri="{FF2B5EF4-FFF2-40B4-BE49-F238E27FC236}">
                <a16:creationId xmlns:a16="http://schemas.microsoft.com/office/drawing/2014/main" id="{CCA5DCD6-A22B-454B-AFE7-0EDE196508F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670964" y="1179790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Pre-trained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Lopes et al.</a:t>
            </a:r>
          </a:p>
        </p:txBody>
      </p:sp>
      <p:sp>
        <p:nvSpPr>
          <p:cNvPr id="188" name="OTLSHAPE_M_5ac3166b54ac410e90508023891748db_Shape">
            <a:extLst>
              <a:ext uri="{FF2B5EF4-FFF2-40B4-BE49-F238E27FC236}">
                <a16:creationId xmlns:a16="http://schemas.microsoft.com/office/drawing/2014/main" id="{73AFC316-9EF1-466C-AC3A-8018EEBAFEA0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9991122" y="4666598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2" name="OTLSHAPE_M_4e91bb8943a74b158301cc7d87738766_Title">
            <a:extLst>
              <a:ext uri="{FF2B5EF4-FFF2-40B4-BE49-F238E27FC236}">
                <a16:creationId xmlns:a16="http://schemas.microsoft.com/office/drawing/2014/main" id="{29645E6A-8378-4C24-9F9B-8480371C6B2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220070" y="4647749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abiá-2</a:t>
            </a:r>
          </a:p>
        </p:txBody>
      </p:sp>
      <p:sp>
        <p:nvSpPr>
          <p:cNvPr id="193" name="OTLSHAPE_M_4e91bb8943a74b158301cc7d87738766_Date">
            <a:extLst>
              <a:ext uri="{FF2B5EF4-FFF2-40B4-BE49-F238E27FC236}">
                <a16:creationId xmlns:a16="http://schemas.microsoft.com/office/drawing/2014/main" id="{E3E86AAD-9D60-4BEB-9231-A54DADCBF8B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188616" y="4877294"/>
            <a:ext cx="139201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Unspecified)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Almeida et al.</a:t>
            </a:r>
          </a:p>
        </p:txBody>
      </p:sp>
      <p:sp>
        <p:nvSpPr>
          <p:cNvPr id="194" name="OTLSHAPE_M_4e91bb8943a74b158301cc7d87738766_Title">
            <a:extLst>
              <a:ext uri="{FF2B5EF4-FFF2-40B4-BE49-F238E27FC236}">
                <a16:creationId xmlns:a16="http://schemas.microsoft.com/office/drawing/2014/main" id="{748888B8-DFFB-4A2A-80B2-659EEEA6AB1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0221108" y="6189493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oBERTaLexPT</a:t>
            </a:r>
          </a:p>
        </p:txBody>
      </p:sp>
      <p:sp>
        <p:nvSpPr>
          <p:cNvPr id="195" name="OTLSHAPE_M_4e91bb8943a74b158301cc7d87738766_Date">
            <a:extLst>
              <a:ext uri="{FF2B5EF4-FFF2-40B4-BE49-F238E27FC236}">
                <a16:creationId xmlns:a16="http://schemas.microsoft.com/office/drawing/2014/main" id="{EF70EB98-8AF9-41E8-9589-AE513A0FBBC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0189654" y="6419038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Pre-trained</a:t>
            </a:r>
          </a:p>
          <a:p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Garcia et al.</a:t>
            </a:r>
          </a:p>
        </p:txBody>
      </p:sp>
      <p:sp>
        <p:nvSpPr>
          <p:cNvPr id="91" name="OTLSHAPE_M_5ac3166b54ac410e90508023891748db_Shape">
            <a:extLst>
              <a:ext uri="{FF2B5EF4-FFF2-40B4-BE49-F238E27FC236}">
                <a16:creationId xmlns:a16="http://schemas.microsoft.com/office/drawing/2014/main" id="{8213B09B-A1D4-4DDC-9C7C-3602C92D7392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767712" y="4351679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OTLSHAPE_M_909ade66c9e945b8996f6453af4f18e6_Shape">
            <a:extLst>
              <a:ext uri="{FF2B5EF4-FFF2-40B4-BE49-F238E27FC236}">
                <a16:creationId xmlns:a16="http://schemas.microsoft.com/office/drawing/2014/main" id="{10A53FEA-461E-EADD-8998-FBCA6D8EBFD6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2237341" y="1384204"/>
            <a:ext cx="228600" cy="2540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1" name="OTLSHAPE_M_5ac3166b54ac410e90508023891748db_Shape">
            <a:extLst>
              <a:ext uri="{FF2B5EF4-FFF2-40B4-BE49-F238E27FC236}">
                <a16:creationId xmlns:a16="http://schemas.microsoft.com/office/drawing/2014/main" id="{2987B844-2D0E-43E5-A15B-DAB8BE4D8CF6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3430078" y="4028492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5" name="OTLSHAPE_M_5ac3166b54ac410e90508023891748db_Shape">
            <a:extLst>
              <a:ext uri="{FF2B5EF4-FFF2-40B4-BE49-F238E27FC236}">
                <a16:creationId xmlns:a16="http://schemas.microsoft.com/office/drawing/2014/main" id="{0863055D-70D9-40AA-98B8-793CF17823CF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5847778" y="4560025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0" name="OTLSHAPE_M_5ac3166b54ac410e90508023891748db_Shape">
            <a:extLst>
              <a:ext uri="{FF2B5EF4-FFF2-40B4-BE49-F238E27FC236}">
                <a16:creationId xmlns:a16="http://schemas.microsoft.com/office/drawing/2014/main" id="{C1EB685D-D3B2-47EB-A12D-16A8A00C7478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598130" y="5644417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1" name="OTLSHAPE_M_5ac3166b54ac410e90508023891748db_Shape">
            <a:extLst>
              <a:ext uri="{FF2B5EF4-FFF2-40B4-BE49-F238E27FC236}">
                <a16:creationId xmlns:a16="http://schemas.microsoft.com/office/drawing/2014/main" id="{752B465F-CFFA-47A9-ADB2-4D4BE7DD6289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243155" y="967242"/>
            <a:ext cx="152400" cy="177800"/>
          </a:xfrm>
          <a:prstGeom prst="diamond">
            <a:avLst/>
          </a:prstGeom>
          <a:solidFill>
            <a:srgbClr val="0006FB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5" name="OTLSHAPE_M_5ac3166b54ac410e90508023891748db_Shape">
            <a:extLst>
              <a:ext uri="{FF2B5EF4-FFF2-40B4-BE49-F238E27FC236}">
                <a16:creationId xmlns:a16="http://schemas.microsoft.com/office/drawing/2014/main" id="{5240B91B-F169-4008-9FA0-03503E648F5F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6915814" y="1593071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9" name="OTLSHAPE_M_909ade66c9e945b8996f6453af4f18e6_Shape">
            <a:extLst>
              <a:ext uri="{FF2B5EF4-FFF2-40B4-BE49-F238E27FC236}">
                <a16:creationId xmlns:a16="http://schemas.microsoft.com/office/drawing/2014/main" id="{BB0B6306-19DA-48AB-8AEF-5E7715B69287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9954871" y="6182792"/>
            <a:ext cx="228600" cy="2540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81" name="OTLSHAPE_M_435c3c587dc14c6b89dba783a5f69d05_Connector1">
            <a:extLst>
              <a:ext uri="{FF2B5EF4-FFF2-40B4-BE49-F238E27FC236}">
                <a16:creationId xmlns:a16="http://schemas.microsoft.com/office/drawing/2014/main" id="{369B4229-5E31-4A9D-932C-2AFDB40026AB}"/>
              </a:ext>
            </a:extLst>
          </p:cNvPr>
          <p:cNvCxnSpPr>
            <a:cxnSpLocks/>
          </p:cNvCxnSpPr>
          <p:nvPr>
            <p:custDataLst>
              <p:tags r:id="rId102"/>
            </p:custDataLst>
          </p:nvPr>
        </p:nvCxnSpPr>
        <p:spPr>
          <a:xfrm>
            <a:off x="9472587" y="1073324"/>
            <a:ext cx="0" cy="2201800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" name="OTLSHAPE_M_909ade66c9e945b8996f6453af4f18e6_Shape">
            <a:extLst>
              <a:ext uri="{FF2B5EF4-FFF2-40B4-BE49-F238E27FC236}">
                <a16:creationId xmlns:a16="http://schemas.microsoft.com/office/drawing/2014/main" id="{0BC46C50-673F-4F8A-BE28-E3B8585FDDA3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9357867" y="921532"/>
            <a:ext cx="228600" cy="254000"/>
          </a:xfrm>
          <a:prstGeom prst="diamond">
            <a:avLst/>
          </a:prstGeom>
          <a:solidFill>
            <a:srgbClr val="0006FB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8" name="OTLSHAPE_M_5ac3166b54ac410e90508023891748db_Shape">
            <a:extLst>
              <a:ext uri="{FF2B5EF4-FFF2-40B4-BE49-F238E27FC236}">
                <a16:creationId xmlns:a16="http://schemas.microsoft.com/office/drawing/2014/main" id="{C5B146AB-6B04-4260-9996-79AD1B5F1014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9396387" y="1993977"/>
            <a:ext cx="152400" cy="177800"/>
          </a:xfrm>
          <a:prstGeom prst="diamond">
            <a:avLst/>
          </a:prstGeom>
          <a:solidFill>
            <a:srgbClr val="0006FB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3" name="OTLSHAPE_M_909ade66c9e945b8996f6453af4f18e6_Shape">
            <a:extLst>
              <a:ext uri="{FF2B5EF4-FFF2-40B4-BE49-F238E27FC236}">
                <a16:creationId xmlns:a16="http://schemas.microsoft.com/office/drawing/2014/main" id="{B69A03AC-DAF2-470F-88B1-393C918FF3CD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325825" y="6276255"/>
            <a:ext cx="290320" cy="399985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4" name="OTLSHAPE_M_909ade66c9e945b8996f6453af4f18e6_Shape">
            <a:extLst>
              <a:ext uri="{FF2B5EF4-FFF2-40B4-BE49-F238E27FC236}">
                <a16:creationId xmlns:a16="http://schemas.microsoft.com/office/drawing/2014/main" id="{D40B88D8-339B-4CE6-8EAB-A24BDB67CA4F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2350201" y="6272672"/>
            <a:ext cx="290320" cy="399985"/>
          </a:xfrm>
          <a:prstGeom prst="diamond">
            <a:avLst/>
          </a:prstGeom>
          <a:solidFill>
            <a:srgbClr val="0006FB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5" name="OTLSHAPE_M_4e91bb8943a74b158301cc7d87738766_Title">
            <a:extLst>
              <a:ext uri="{FF2B5EF4-FFF2-40B4-BE49-F238E27FC236}">
                <a16:creationId xmlns:a16="http://schemas.microsoft.com/office/drawing/2014/main" id="{10C55AEB-598C-474E-A7D3-CA29FC2AF21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33524" y="6383221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razilian Portuguese</a:t>
            </a:r>
          </a:p>
        </p:txBody>
      </p:sp>
      <p:sp>
        <p:nvSpPr>
          <p:cNvPr id="142" name="OTLSHAPE_M_4e91bb8943a74b158301cc7d87738766_Title">
            <a:extLst>
              <a:ext uri="{FF2B5EF4-FFF2-40B4-BE49-F238E27FC236}">
                <a16:creationId xmlns:a16="http://schemas.microsoft.com/office/drawing/2014/main" id="{57B1FBA3-D9C8-4C94-B85B-E949A1360E9D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2753078" y="6375328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uropean Portuguese</a:t>
            </a:r>
          </a:p>
        </p:txBody>
      </p:sp>
      <p:sp>
        <p:nvSpPr>
          <p:cNvPr id="113" name="OTLSHAPE_M_5ac3166b54ac410e90508023891748db_Shape">
            <a:extLst>
              <a:ext uri="{FF2B5EF4-FFF2-40B4-BE49-F238E27FC236}">
                <a16:creationId xmlns:a16="http://schemas.microsoft.com/office/drawing/2014/main" id="{0927D11B-6293-40A4-B952-5375EF1B3CA2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4107738" y="2397785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0" name="OTLSHAPE_M_909ade66c9e945b8996f6453af4f18e6_Shape">
            <a:extLst>
              <a:ext uri="{FF2B5EF4-FFF2-40B4-BE49-F238E27FC236}">
                <a16:creationId xmlns:a16="http://schemas.microsoft.com/office/drawing/2014/main" id="{8D4AA2D1-B7B3-4278-9FF3-13D48C70EF0D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7491286" y="2193902"/>
            <a:ext cx="228600" cy="2540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6" name="OTLSHAPE_TB_00000000000000000000000000000000_MiddleTimescaleInterval10">
            <a:extLst>
              <a:ext uri="{FF2B5EF4-FFF2-40B4-BE49-F238E27FC236}">
                <a16:creationId xmlns:a16="http://schemas.microsoft.com/office/drawing/2014/main" id="{D1ECB8A4-B20B-4132-9418-C42A0887B38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695863" y="3462906"/>
            <a:ext cx="20999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0" dirty="0">
                <a:solidFill>
                  <a:srgbClr val="E0E1DD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27" name="OTLSHAPE_M_4e91bb8943a74b158301cc7d87738766_Title">
            <a:extLst>
              <a:ext uri="{FF2B5EF4-FFF2-40B4-BE49-F238E27FC236}">
                <a16:creationId xmlns:a16="http://schemas.microsoft.com/office/drawing/2014/main" id="{436BA30D-8A4B-4CF4-92A7-A51D14A4D29A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0954903" y="1989736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TT5-v2</a:t>
            </a:r>
          </a:p>
        </p:txBody>
      </p:sp>
      <p:sp>
        <p:nvSpPr>
          <p:cNvPr id="136" name="OTLSHAPE_M_4e91bb8943a74b158301cc7d87738766_Date">
            <a:extLst>
              <a:ext uri="{FF2B5EF4-FFF2-40B4-BE49-F238E27FC236}">
                <a16:creationId xmlns:a16="http://schemas.microsoft.com/office/drawing/2014/main" id="{3FABCD93-E806-439F-BB96-21DD758D685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948914" y="2211891"/>
            <a:ext cx="13098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mT5)</a:t>
            </a:r>
          </a:p>
          <a:p>
            <a:r>
              <a:rPr lang="en-GB" sz="1000" spc="-4" dirty="0" err="1">
                <a:solidFill>
                  <a:srgbClr val="4D2FE5"/>
                </a:solidFill>
                <a:latin typeface="Calibri Light" panose="020F0302020204030204" pitchFamily="34" charset="0"/>
              </a:rPr>
              <a:t>Piau</a:t>
            </a:r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 et al.</a:t>
            </a:r>
          </a:p>
        </p:txBody>
      </p:sp>
      <p:cxnSp>
        <p:nvCxnSpPr>
          <p:cNvPr id="153" name="OTLSHAPE_M_435c3c587dc14c6b89dba783a5f69d05_Connector1">
            <a:extLst>
              <a:ext uri="{FF2B5EF4-FFF2-40B4-BE49-F238E27FC236}">
                <a16:creationId xmlns:a16="http://schemas.microsoft.com/office/drawing/2014/main" id="{2AF0FB7D-9AFD-43CA-B82A-7AF53932FADD}"/>
              </a:ext>
            </a:extLst>
          </p:cNvPr>
          <p:cNvCxnSpPr>
            <a:cxnSpLocks/>
            <a:stCxn id="156" idx="2"/>
          </p:cNvCxnSpPr>
          <p:nvPr>
            <p:custDataLst>
              <p:tags r:id="rId114"/>
            </p:custDataLst>
          </p:nvPr>
        </p:nvCxnSpPr>
        <p:spPr>
          <a:xfrm>
            <a:off x="10805042" y="2167536"/>
            <a:ext cx="0" cy="1103347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6" name="OTLSHAPE_M_5ac3166b54ac410e90508023891748db_Shape">
            <a:extLst>
              <a:ext uri="{FF2B5EF4-FFF2-40B4-BE49-F238E27FC236}">
                <a16:creationId xmlns:a16="http://schemas.microsoft.com/office/drawing/2014/main" id="{D579164D-1AC5-49FB-909C-26535CAC6DC7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10728842" y="1989736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5" name="OTLSHAPE_M_5ac3166b54ac410e90508023891748db_Shape">
            <a:extLst>
              <a:ext uri="{FF2B5EF4-FFF2-40B4-BE49-F238E27FC236}">
                <a16:creationId xmlns:a16="http://schemas.microsoft.com/office/drawing/2014/main" id="{A59CC9F7-B5F6-4244-BD3A-51F3C574DE2C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9991122" y="5445985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9" name="OTLSHAPE_M_4e91bb8943a74b158301cc7d87738766_Title">
            <a:extLst>
              <a:ext uri="{FF2B5EF4-FFF2-40B4-BE49-F238E27FC236}">
                <a16:creationId xmlns:a16="http://schemas.microsoft.com/office/drawing/2014/main" id="{410A5C23-74EA-447D-93BD-DC638473F0A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0220070" y="5427136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Juru</a:t>
            </a:r>
            <a:endParaRPr lang="en-GB" sz="12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M_4e91bb8943a74b158301cc7d87738766_Date">
            <a:extLst>
              <a:ext uri="{FF2B5EF4-FFF2-40B4-BE49-F238E27FC236}">
                <a16:creationId xmlns:a16="http://schemas.microsoft.com/office/drawing/2014/main" id="{7142FEC0-C0C6-4DBB-9098-20811A79902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188616" y="5656681"/>
            <a:ext cx="139201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Sabiá-2)</a:t>
            </a:r>
          </a:p>
          <a:p>
            <a:r>
              <a:rPr lang="en-GB" sz="1000" spc="-4" dirty="0" err="1">
                <a:solidFill>
                  <a:srgbClr val="4D2FE5"/>
                </a:solidFill>
                <a:latin typeface="Calibri Light" panose="020F0302020204030204" pitchFamily="34" charset="0"/>
              </a:rPr>
              <a:t>Malaquias</a:t>
            </a:r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 et al.</a:t>
            </a:r>
          </a:p>
        </p:txBody>
      </p:sp>
      <p:sp>
        <p:nvSpPr>
          <p:cNvPr id="147" name="OTLSHAPE_TB_00000000000000000000000000000000_MiddleTimescaleInterval10">
            <a:extLst>
              <a:ext uri="{FF2B5EF4-FFF2-40B4-BE49-F238E27FC236}">
                <a16:creationId xmlns:a16="http://schemas.microsoft.com/office/drawing/2014/main" id="{C9E69484-F50F-41E6-8334-3C3E26CBD02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1438198" y="3457989"/>
            <a:ext cx="20999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0" dirty="0">
                <a:solidFill>
                  <a:srgbClr val="E0E1DD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50" name="OTLSHAPE_M_4e91bb8943a74b158301cc7d87738766_Title">
            <a:extLst>
              <a:ext uri="{FF2B5EF4-FFF2-40B4-BE49-F238E27FC236}">
                <a16:creationId xmlns:a16="http://schemas.microsoft.com/office/drawing/2014/main" id="{958F51D2-4BAA-4E68-B063-384AB5CB978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0715035" y="4072538"/>
            <a:ext cx="69340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2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abiá-3</a:t>
            </a:r>
          </a:p>
        </p:txBody>
      </p:sp>
      <p:sp>
        <p:nvSpPr>
          <p:cNvPr id="154" name="OTLSHAPE_M_4e91bb8943a74b158301cc7d87738766_Date">
            <a:extLst>
              <a:ext uri="{FF2B5EF4-FFF2-40B4-BE49-F238E27FC236}">
                <a16:creationId xmlns:a16="http://schemas.microsoft.com/office/drawing/2014/main" id="{BF19286A-0E50-4CCD-B958-9C0984114A3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591827" y="4271160"/>
            <a:ext cx="1827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i="1" spc="-4" dirty="0">
                <a:solidFill>
                  <a:srgbClr val="1B263B"/>
                </a:solidFill>
                <a:latin typeface="Calibri Light" panose="020F0302020204030204" pitchFamily="34" charset="0"/>
              </a:rPr>
              <a:t>Fine-tuned (Unspecified)</a:t>
            </a:r>
          </a:p>
          <a:p>
            <a:pPr algn="r"/>
            <a:r>
              <a:rPr lang="en-GB" sz="1000" spc="-4" dirty="0" err="1">
                <a:solidFill>
                  <a:srgbClr val="4D2FE5"/>
                </a:solidFill>
                <a:latin typeface="Calibri Light" panose="020F0302020204030204" pitchFamily="34" charset="0"/>
              </a:rPr>
              <a:t>Abonizio</a:t>
            </a:r>
            <a:r>
              <a:rPr lang="en-GB" sz="1000" spc="-4" dirty="0">
                <a:solidFill>
                  <a:srgbClr val="4D2FE5"/>
                </a:solidFill>
                <a:latin typeface="Calibri Light" panose="020F0302020204030204" pitchFamily="34" charset="0"/>
              </a:rPr>
              <a:t> et al. </a:t>
            </a:r>
          </a:p>
        </p:txBody>
      </p:sp>
      <p:sp>
        <p:nvSpPr>
          <p:cNvPr id="163" name="OTLSHAPE_M_5ac3166b54ac410e90508023891748db_Shape">
            <a:extLst>
              <a:ext uri="{FF2B5EF4-FFF2-40B4-BE49-F238E27FC236}">
                <a16:creationId xmlns:a16="http://schemas.microsoft.com/office/drawing/2014/main" id="{3BC68DF6-62E4-445A-9E6B-46B597804DE9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11500714" y="4063490"/>
            <a:ext cx="152400" cy="177800"/>
          </a:xfrm>
          <a:prstGeom prst="diamond">
            <a:avLst/>
          </a:prstGeom>
          <a:solidFill>
            <a:srgbClr val="00F683"/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79" name="OTLSHAPE_M_435c3c587dc14c6b89dba783a5f69d05_Connector1">
            <a:extLst>
              <a:ext uri="{FF2B5EF4-FFF2-40B4-BE49-F238E27FC236}">
                <a16:creationId xmlns:a16="http://schemas.microsoft.com/office/drawing/2014/main" id="{DEF8B6DF-5418-4A17-A1B3-92160C61AD58}"/>
              </a:ext>
            </a:extLst>
          </p:cNvPr>
          <p:cNvCxnSpPr>
            <a:cxnSpLocks/>
            <a:endCxn id="163" idx="0"/>
          </p:cNvCxnSpPr>
          <p:nvPr>
            <p:custDataLst>
              <p:tags r:id="rId123"/>
            </p:custDataLst>
          </p:nvPr>
        </p:nvCxnSpPr>
        <p:spPr>
          <a:xfrm flipH="1">
            <a:off x="11576914" y="3633582"/>
            <a:ext cx="2" cy="429908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064180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C4wLCJSaWdodCI6MTAuMCwiQm90dG9tIjowLjB9LCJQYWRkaW5nIjp7IiRpZCI6IjE1IiwiVG9wIjozLjAsIkxlZnQiOjAuMCwiUmlnaHQiOjAuMCwiQm90dG9tIjozLjB9LCJCYWNrZ3JvdW5kIjp7IiRpZCI6IjE2IiwiQ29sb3IiOnsiJGlkIjoiMTciLCJBIjoyNTUsIlIiOjI3LCJHIjozOCwiQiI6NTl9fSwiSXNWaXNpYmxlIjp0cnVlLCJXaWR0aCI6ODU4LjAsIkhlaWdodCI6MTQuMzk5OTk5NjE4NTMwMjcz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C4wLCJSaWdodCI6MTAuMCwiQm90dG9tIjowLjB9LCJQYWRkaW5nIjp7IiRpZCI6IjIzIiwiVG9wIjozLjAsIkxlZnQiOjAuMCwiUmlnaHQiOjAuMCwiQm90dG9tIjozLjB9LCJCYWNrZ3JvdW5kIjp7IiRpZCI6IjI0IiwiQ29sb3IiOnsiJGlkIjoiMjUiLCJBIjoyNTUsIlIiOjY4LCJHIjo4NCwiQiI6MTA2fX0sIklzVmlzaWJsZSI6dHJ1ZSwiV2lkdGgiOjg1OC4wLCJIZWlnaHQiOjE0LjM5OTk5OTYxODUzMDI3My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MCwiUiI6MCwiRyI6MCwiQiI6MH19LCJJc1Zpc2libGUiOmZhbHN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ywiSGVpZ2h0IjoyMC4wfSwiTWlkZGxlVGllclNjYWxlU3R5bGUiOnsiJGlkIjoiNjQiLCJTaGFwZSI6MCwiU2hvd1NlZ21lbnRTZXBhcmF0b3JzIjpmYWxzZSwiU2VnbWVudFNlcGFyYXRvck9wYWNpdHkiOjMwLCJIYXNCZWVuVmlzaWJsZUJlZm9yZSI6dHJ1ZSwiRm9udFNldHRpbmdzIjp7IiRpZCI6IjY1IiwiRm9udFNpemUiOjExLCJGb250TmFtZSI6IkNhbGlicmkiLCJJc0JvbGQiOnRydWUsIklzSXRhbGljIjpmYWxzZSwiSXNVbmRlcmxpbmVkIjpmYWxzZSwiUGFyZW50U3R5bGUiOm51bGx9LCJBdXRvU2l6ZSI6MCwiRm9yZWdyb3VuZCI6eyIkaWQiOiI2NiIsIkNvbG9yIjp7IiRpZCI6IjY3IiwiQSI6MjU1LCJSIjoyMjQsIkciOjIyNSwiQiI6MjIx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dHJ1ZSwiV2lkdGgiOjAuMCwiSGVpZ2h0IjowLjAsIkJvcmRlclN0eWxlIjpudWxsLCJQYXJlbnRTdHlsZSI6bnVsbH0sIkJvdHRvbVRpZXJTY2FsZVN0eWxlIjp7IiRpZCI6IjcyIiwiU2hhcGUiOjAsIlNob3dTZWdtZW50U2VwYXJhdG9ycyI6ZmFsc2UsIlNlZ21lbnRTZXBhcmF0b3JPcGFjaXR5IjozMCwiSGFzQmVlblZpc2libGVCZWZvcmUiOmZhbHNlLCJGb250U2V0dGluZ3MiOnsiJGlkIjoiNzMiLCJGb250U2l6ZSI6MTEsIkZvbnROYW1lIjoiQ2FsaWJyaSIsIklzQm9sZCI6dHJ1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xLCJTcGFjaW5nIjoy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YsIkciOjE3MCwiQiI6NjZ9fSwiSXNWaXNpYmxlIjp0cnVlLCJXaWR0aCI6MTguMCwiSGVpZ2h0IjoyM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I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AsIkZvbnROYW1lIjoiQ2FsaWJyaSBMaWdodC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RGVmYXVsdFRhc2tTdHlsZSI6eyIkaWQiOiIxMTYiLCJTaGFwZSI6MSwiU2hhcGVUaGlja25lc3MiOjAsIkR1cmF0aW9uRm9ybWF0IjowLCJJbmNsdWRlTm9uV29ya2luZ0RheXNJbkR1cmF0aW9uIjpmYWxzZSwiUGVyY2VudGFnZUNvbXBsZ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2In19LCJJc1Zpc2libGUiOnRydWUsIldpZHRoIjowLjAsIkhlaWdodCI6MC4wLCJCb3JkZXJTdHlsZSI6bnVsbCwiUGFyZW50U3R5bGUiOm51bGx9LCJEdXJhdGlvbl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cmVmIjoiMzYifX0sIklzVmlzaWJsZSI6dHJ1ZSwiV2lkdGgiOjAuMCwiSGVpZ2h0IjowLjAsIkJvcmRlclN0eWxlIjpudWxsLCJQYXJlbnRTdHlsZSI6bnVsbH0sIkRhdGVGb3JtYXQiOnsiJGlkIjoiM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CIsIkZvcm1hdCI6MCwiSXNWaXNpYmxlIjpmYWxzZSwiTGFzdEtub3duVmlzaWJpbGl0eVN0YXRlIjpmYWxzZX0sIklzVmlzaWJsZSI6dHJ1ZSwiUGFyZW50U3R5bGUiOm51bGwsIl9leHBsaWNpdGx5U2V0Ijp7IiRpZCI6IjE2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yIiwiR3JpZGxpbmVTdHlsZSI6eyIkaWQiOiIxNjMiLCJMaW5lQ29sb3IiOnsiJGlkIjoiMTY0IiwiJHR5cGUiOiJOTFJFLkNvbW1vbi5Eb20uU29saWRDb2xvckJydXNoLCBOTFJFLkNvbW1vbiIsIkNvbG9yIjp7IiRpZCI6IjE2NSIsIkEiOjM4LCJSIjo5MSwiRyI6MTU1LCJCIjoyMTN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VN0eWxlIjp7IiRpZCI6IjIwNyIsIkZvbnRTZXR0aW5ncyI6eyIkaWQiOiIyMDgiLCJGb250U2l6ZSI6MTAsIkZvbnROYW1lIjoiQ2FsaWJyaSBMaWdodCIsIklzQm9sZCI6ZmFsc2UsIklzSXRhbGljIjpmYWxzZSwiSXNVbmRlcmxpbmVkIjpmYWxzZSwiUGFyZW50U3R5bGUiOm51bGx9LCJBdXRvU2l6ZSI6MCwiRm9yZWdyb3VuZCI6eyIkaWQiOiIyMDkiLCJDb2xvciI6eyIkaWQiOiIyMTAiLCJBIjoyNTUsIlIiOjI3LCJHIjozOCwiQiI6NTl9fSwiTWF4V2lkdGgiOjIwMC4wLCJNYXhIZWlnaHQiOiJJbmZpbml0eSIsIlNtYXJ0Rm9yZWdyb3VuZElzQWN0aXZlIjpmYWxzZSwiSG9yaXpvbnRhbEFsaWdubWVudCI6MC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wLCJSIjoyNTUsIkciOjI1NSwiQiI6MjU1fX0sIklzVmlzaWJsZSI6dHJ1ZSwiV2lkdGgiOjAuMCwiSGVpZ2h0IjowLjAsIkJvcmRlclN0eWxlIjp7IiRpZCI6IjIxNSIsIkxpbmVDb2xvciI6bnVsbCwiTGluZVdlaWdodCI6MC4wLCJMaW5lVHlwZSI6MCwiUGFyZW50U3R5bGUiOm51bGx9LCJQYXJlbnRTdHlsZSI6bnVsbH0sIkRhdGVGb3JtYXQiOnsiJGlkIjoi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ExpZ2h0IiwiSXNCb2xkIjpmYWxzZSwiSXNJdGFsaWMiOmZhbHNlLCJJc1VuZGVybGluZWQiOmZhbHNlLCJQYXJlbnRTdHlsZSI6bnVsbH0sIkF1dG9TaXplIjowLCJGb3JlZ3JvdW5kIjp7IiRpZCI6IjI0NiIsIkNvbG9yIjp7IiRpZCI6IjI0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2IiwiVG9wIjowLjAsIkxlZnQiOjAuMCwiUmlnaHQiOjAuMCwiQm90dG9tIjowLjB9LCJQYWRkaW5nIjp7IiRpZCI6IjI3NyIsIlRvcCI6MC4wLCJMZWZ0IjowLjAsIlJpZ2h0IjowLjAsIkJvdHRvbSI6MC4wfSwiQmFja2dyb3VuZCI6eyIkaWQiOiIyNzgiLCJDb2xvciI6eyIkaWQiOiIyNzkiLCJBIjowLCJSIjoyNTUsIkciOjI1NSwiQiI6MjU1fX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gTGlnaHQiLCJJc0JvbGQiOmZhbHNlLCJJc0l0YWxpYyI6ZmFsc2UsIklzVW5kZXJsaW5lZCI6ZmFsc2UsIlBhcmVudFN0eWxlIjpudWxsfSwiQXV0b1NpemUiOjAsIkZvcmVncm91bmQiOnsiJGlkIjoiMjgzIiwiQ29sb3IiOnsiJGlkIjoiMjg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ODUiLCJUb3AiOjAuMCwiTGVmdCI6MC4wLCJSaWdodCI6MC4wLCJCb3R0b20iOjAuMH0sIlBhZGRpbmciOnsiJGlkIjoiMjg2IiwiVG9wIjowLjAsIkxlZnQiOjAuMCwiUmlnaHQiOjAuMCwiQm90dG9tIjowLjB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UZvcm1hdCI6eyIkaWQiOiIy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g3IiwiVG9wIjowLjAsIkxlZnQiOjAuMCwiUmlnaHQiOjAuMCwiQm90dG9tIjowLjB9LCJQYWRkaW5nIjp7IiRpZCI6IjM4OCIsIlRvcCI6MC4wLCJMZWZ0IjowLjAsIlJpZ2h0IjowLjAsIkJvdHRvbSI6MC4wfSwiQmFja2dyb3VuZCI6eyIkaWQiOiIzODkiLCJDb2xvciI6eyIkaWQiOiIzOTAiLCJBIjowLCJSIjoyNTUsIkciOjI1NSwiQiI6MjU1fX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EwLCJGb250TmFtZSI6IkNhbGlicmkgTGlnaHQiLCJJc0JvbGQiOmZhbHNlLCJJc0l0YWxpYyI6ZmFsc2UsIklzVW5kZXJsaW5lZCI6ZmFsc2UsIlBhcmVudFN0eWxlIjpudWxsfSwiQXV0b1NpemUiOjAsIkZvcmVncm91bmQiOnsiJGlkIjoiMzk0IiwiQ29sb3IiOnsiJGlkIjoiMzk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I1NSwiUiI6MjYsIkciOjE3MCwiQiI6NjZ9fSwiSXNWaXNpYmxlIjp0cnVlLCJXaWR0aCI6MTIuMCwiSGVpZ2h0IjoxN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UaXRsZVN0eWxlIjp7IiRpZCI6IjQyMCIsIkZvbnRTZXR0aW5ncyI6eyIkaWQiOiI0MjEiLCJGb250U2l6ZSI6MTIsIkZvbnROYW1lIjoiQ2FsaWJyaSIsIklzQm9sZCI6dHJ1ZSwiSXNJdGFsaWMiOmZhbHNlLCJJc1VuZGVybGluZWQiOmZhbHNlLCJQYXJlbnRTdHlsZSI6bnVsbH0sIkF1dG9TaXplIjowLCJGb3JlZ3JvdW5kIjp7IiRpZCI6IjQyMiIsIkNvbG9yIjp7IiRpZCI6IjQy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wLCJSIjoyNTUsIkciOjI1NSwiQiI6MjU1fX0sIklzVmlzaWJsZSI6dHJ1ZSwiV2lkdGgiOjAuMCwiSGVpZ2h0IjowLjAsIkJvcmRlclN0eWxlIjp7IiRpZCI6IjQzNyIsIkxpbmVDb2xvciI6bnVsbCwiTGluZVdlaWdodCI6MC4wLCJMaW5lVHlwZSI6MCwiUGFyZW50U3R5bGUiOm51bGx9LCJQYXJlbnRTdHlsZSI6bnVsbH0sIkRhdGVGb3JtYXQiOnsiJGlkIjoiND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NTkyIiwiSW1wYU9wdGlvbnMiOnsiJGlkIjoiNTk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QmxhbmsgVGltZWxpbmVcXFRpbWVsaW5lIERhdGEoMSkueGxzeCIsIlRpbWVDb25maWd1cmF0aW9uIjp7IiRpZCI6IjU5NC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ond Milestone or Event Here"/>
  <p:tag name="OTLDATE" val="1989-07-14T23:59:00.0000000"/>
  <p:tag name="OTLPOSITIONONTASK" val="None"/>
  <p:tag name="OTLRELATEDTASKID" val="00000000-0000-0000-0000-00000000000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ond Milestone or Event Here"/>
  <p:tag name="OTLDATE" val="1989-07-14T23:59:00.0000000"/>
  <p:tag name="OTLPOSITIONONTASK" val="None"/>
  <p:tag name="OTLRELATEDTASKID" val="00000000-0000-0000-0000-00000000000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ond Milestone or Event Here"/>
  <p:tag name="OTLDATE" val="1989-07-14T23:59:00.0000000"/>
  <p:tag name="OTLPOSITIONONTASK" val="None"/>
  <p:tag name="OTLRELATEDTASKID" val="00000000-0000-0000-0000-00000000000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ond Milestone or Event Here"/>
  <p:tag name="OTLDATE" val="1989-07-14T23:59:00.0000000"/>
  <p:tag name="OTLPOSITIONONTASK" val="None"/>
  <p:tag name="OTLRELATEDTASKID" val="00000000-0000-0000-0000-00000000000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ond Milestone or Event Here"/>
  <p:tag name="OTLDATE" val="1989-07-14T23:59:00.0000000"/>
  <p:tag name="OTLPOSITIONONTASK" val="None"/>
  <p:tag name="OTLRELATEDTASKID" val="00000000-0000-0000-0000-000000000000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TIMEBANDSTARTDATE" val="1985-10-01T23:59:00.0000000"/>
  <p:tag name="OTLTIMEBANDENDDATE" val="2024-01-15T23:59:00.000000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ond Milestone or Event Here"/>
  <p:tag name="OTLDATE" val="1989-07-14T23:59:00.0000000"/>
  <p:tag name="OTLPOSITIONONTASK" val="None"/>
  <p:tag name="OTLRELATEDTASKID" val="00000000-0000-0000-0000-00000000000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TIMEBANDSTARTDATE" val="1985-10-01T23:59:00.0000000"/>
  <p:tag name="OTLTIMEBANDENDDATE" val="2024-01-15T23:59:00.000000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ond Milestone or Event Here"/>
  <p:tag name="OTLDATE" val="1989-07-14T23:59:00.0000000"/>
  <p:tag name="OTLPOSITIONONTASK" val="None"/>
  <p:tag name="OTLRELATEDTASKID" val="00000000-0000-0000-0000-00000000000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ond Milestone or Event Here"/>
  <p:tag name="OTLDATE" val="1989-07-14T23:59:00.0000000"/>
  <p:tag name="OTLPOSITIONONTASK" val="None"/>
  <p:tag name="OTLRELATEDTASKID" val="00000000-0000-0000-0000-00000000000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ird Milestone or Event Here"/>
  <p:tag name="OTLDATE" val="1992-11-22T23:59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38</Words>
  <Application>Microsoft Office PowerPoint</Application>
  <PresentationFormat>Widescreen</PresentationFormat>
  <Paragraphs>98</Paragraphs>
  <Slides>1</Slides>
  <Notes>0</Notes>
  <HiddenSlides>0</HiddenSlides>
  <MMClips>0</MMClips>
  <ScaleCrop>false</ScaleCrop>
  <HeadingPairs>
    <vt:vector size="6" baseType="variant">
      <vt:variant>
        <vt:lpstr>Fontes usadas</vt:lpstr>
      </vt:variant>
      <vt:variant>
        <vt:i4>3</vt:i4>
      </vt:variant>
      <vt:variant>
        <vt:lpstr>Tema</vt:lpstr>
      </vt:variant>
      <vt:variant>
        <vt:i4>1</vt:i4>
      </vt:variant>
      <vt:variant>
        <vt:lpstr>Títulos de slid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Apresentação do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01T09:36:45Z</dcterms:created>
  <dcterms:modified xsi:type="dcterms:W3CDTF">2024-10-16T10:42:39Z</dcterms:modified>
</cp:coreProperties>
</file>